
<file path=[Content_Types].xml><?xml version="1.0" encoding="utf-8"?>
<Types xmlns="http://schemas.openxmlformats.org/package/2006/content-types"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  <p:sldMasterId id="2147483662" r:id="rId5"/>
  </p:sldMasterIdLst>
  <p:notesMasterIdLst>
    <p:notesMasterId r:id="rId10"/>
  </p:notesMasterIdLst>
  <p:sldIdLst>
    <p:sldId id="276" r:id="rId6"/>
    <p:sldId id="271" r:id="rId7"/>
    <p:sldId id="278" r:id="rId8"/>
    <p:sldId id="277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36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55C70489-7B77-9276-5AFE-E5B1F1897729}" name="Katie Erofeeva" initials="KE" userId="S::erofeevak@iata.org::9bb4228e-397b-48a3-9610-2a1c04e66adc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D31FA"/>
    <a:srgbClr val="F04632"/>
    <a:srgbClr val="0377B5"/>
    <a:srgbClr val="11ACE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522CFE8-800C-42D8-AC62-9592F1789348}" v="16" dt="2024-06-07T09:27:06.556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98" d="100"/>
          <a:sy n="98" d="100"/>
        </p:scale>
        <p:origin x="108" y="222"/>
      </p:cViewPr>
      <p:guideLst>
        <p:guide orient="horz" pos="2136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slide" Target="slides/slide2.xml"/><Relationship Id="rId12" Type="http://schemas.openxmlformats.org/officeDocument/2006/relationships/viewProps" Target="viewProps.xml"/><Relationship Id="rId17" Type="http://schemas.microsoft.com/office/2018/10/relationships/authors" Target="authors.xml"/><Relationship Id="rId2" Type="http://schemas.openxmlformats.org/officeDocument/2006/relationships/customXml" Target="../customXml/item2.xml"/><Relationship Id="rId16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presProps" Target="presProps.xml"/><Relationship Id="rId5" Type="http://schemas.openxmlformats.org/officeDocument/2006/relationships/slideMaster" Target="slideMasters/slideMaster2.xml"/><Relationship Id="rId15" Type="http://schemas.microsoft.com/office/2016/11/relationships/changesInfo" Target="changesInfos/changesInfo1.xml"/><Relationship Id="rId10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Gloria Asiimwe" userId="c024b75d-292e-4c56-9621-7e555a0fc6d4" providerId="ADAL" clId="{5522CFE8-800C-42D8-AC62-9592F1789348}"/>
    <pc:docChg chg="undo custSel addSld delSld modSld">
      <pc:chgData name="Gloria Asiimwe" userId="c024b75d-292e-4c56-9621-7e555a0fc6d4" providerId="ADAL" clId="{5522CFE8-800C-42D8-AC62-9592F1789348}" dt="2024-06-07T09:27:06.555" v="331" actId="14826"/>
      <pc:docMkLst>
        <pc:docMk/>
      </pc:docMkLst>
      <pc:sldChg chg="modSp">
        <pc:chgData name="Gloria Asiimwe" userId="c024b75d-292e-4c56-9621-7e555a0fc6d4" providerId="ADAL" clId="{5522CFE8-800C-42D8-AC62-9592F1789348}" dt="2024-06-07T09:27:06.555" v="331" actId="14826"/>
        <pc:sldMkLst>
          <pc:docMk/>
          <pc:sldMk cId="3035780936" sldId="271"/>
        </pc:sldMkLst>
        <pc:picChg chg="mod">
          <ac:chgData name="Gloria Asiimwe" userId="c024b75d-292e-4c56-9621-7e555a0fc6d4" providerId="ADAL" clId="{5522CFE8-800C-42D8-AC62-9592F1789348}" dt="2024-06-07T09:27:06.555" v="331" actId="14826"/>
          <ac:picMkLst>
            <pc:docMk/>
            <pc:sldMk cId="3035780936" sldId="271"/>
            <ac:picMk id="6" creationId="{60F244A4-A038-A46E-B543-32D5D5F161B9}"/>
          </ac:picMkLst>
        </pc:picChg>
      </pc:sldChg>
      <pc:sldChg chg="modSp del mod">
        <pc:chgData name="Gloria Asiimwe" userId="c024b75d-292e-4c56-9621-7e555a0fc6d4" providerId="ADAL" clId="{5522CFE8-800C-42D8-AC62-9592F1789348}" dt="2024-06-07T09:02:06.090" v="161" actId="2696"/>
        <pc:sldMkLst>
          <pc:docMk/>
          <pc:sldMk cId="2589883871" sldId="273"/>
        </pc:sldMkLst>
        <pc:spChg chg="mod">
          <ac:chgData name="Gloria Asiimwe" userId="c024b75d-292e-4c56-9621-7e555a0fc6d4" providerId="ADAL" clId="{5522CFE8-800C-42D8-AC62-9592F1789348}" dt="2024-06-07T08:59:16.620" v="130" actId="6549"/>
          <ac:spMkLst>
            <pc:docMk/>
            <pc:sldMk cId="2589883871" sldId="273"/>
            <ac:spMk id="3" creationId="{25D7D66E-6B7F-1D6C-167F-2A5F0E1FA169}"/>
          </ac:spMkLst>
        </pc:spChg>
      </pc:sldChg>
      <pc:sldChg chg="modSp del mod">
        <pc:chgData name="Gloria Asiimwe" userId="c024b75d-292e-4c56-9621-7e555a0fc6d4" providerId="ADAL" clId="{5522CFE8-800C-42D8-AC62-9592F1789348}" dt="2024-06-07T09:21:43.879" v="292" actId="2696"/>
        <pc:sldMkLst>
          <pc:docMk/>
          <pc:sldMk cId="847787837" sldId="274"/>
        </pc:sldMkLst>
        <pc:spChg chg="mod">
          <ac:chgData name="Gloria Asiimwe" userId="c024b75d-292e-4c56-9621-7e555a0fc6d4" providerId="ADAL" clId="{5522CFE8-800C-42D8-AC62-9592F1789348}" dt="2024-06-07T08:58:27.807" v="114" actId="6549"/>
          <ac:spMkLst>
            <pc:docMk/>
            <pc:sldMk cId="847787837" sldId="274"/>
            <ac:spMk id="3" creationId="{AFCF3405-B6C0-09A4-4DE0-98D71A0EA677}"/>
          </ac:spMkLst>
        </pc:spChg>
        <pc:picChg chg="ord">
          <ac:chgData name="Gloria Asiimwe" userId="c024b75d-292e-4c56-9621-7e555a0fc6d4" providerId="ADAL" clId="{5522CFE8-800C-42D8-AC62-9592F1789348}" dt="2024-06-07T08:57:55.152" v="94" actId="13244"/>
          <ac:picMkLst>
            <pc:docMk/>
            <pc:sldMk cId="847787837" sldId="274"/>
            <ac:picMk id="6" creationId="{FC76647C-B0EC-814A-FAF9-D4C3FC17E70C}"/>
          </ac:picMkLst>
        </pc:picChg>
      </pc:sldChg>
      <pc:sldChg chg="addSp delSp modSp add del mod">
        <pc:chgData name="Gloria Asiimwe" userId="c024b75d-292e-4c56-9621-7e555a0fc6d4" providerId="ADAL" clId="{5522CFE8-800C-42D8-AC62-9592F1789348}" dt="2024-06-07T09:25:07.574" v="323" actId="2696"/>
        <pc:sldMkLst>
          <pc:docMk/>
          <pc:sldMk cId="374593191" sldId="275"/>
        </pc:sldMkLst>
        <pc:spChg chg="mod modVis">
          <ac:chgData name="Gloria Asiimwe" userId="c024b75d-292e-4c56-9621-7e555a0fc6d4" providerId="ADAL" clId="{5522CFE8-800C-42D8-AC62-9592F1789348}" dt="2024-06-07T09:17:53.804" v="262" actId="14429"/>
          <ac:spMkLst>
            <pc:docMk/>
            <pc:sldMk cId="374593191" sldId="275"/>
            <ac:spMk id="2" creationId="{86BBEA38-D4EA-354A-C0A7-F4FF3D9D75D3}"/>
          </ac:spMkLst>
        </pc:spChg>
        <pc:spChg chg="add del mod">
          <ac:chgData name="Gloria Asiimwe" userId="c024b75d-292e-4c56-9621-7e555a0fc6d4" providerId="ADAL" clId="{5522CFE8-800C-42D8-AC62-9592F1789348}" dt="2024-06-07T09:16:03.203" v="254"/>
          <ac:spMkLst>
            <pc:docMk/>
            <pc:sldMk cId="374593191" sldId="275"/>
            <ac:spMk id="3" creationId="{D8F79F71-06B5-45AC-1AC3-4D740601AF3C}"/>
          </ac:spMkLst>
        </pc:spChg>
        <pc:spChg chg="mod modVis">
          <ac:chgData name="Gloria Asiimwe" userId="c024b75d-292e-4c56-9621-7e555a0fc6d4" providerId="ADAL" clId="{5522CFE8-800C-42D8-AC62-9592F1789348}" dt="2024-06-07T08:47:24.845" v="18" actId="14430"/>
          <ac:spMkLst>
            <pc:docMk/>
            <pc:sldMk cId="374593191" sldId="275"/>
            <ac:spMk id="8" creationId="{183B3A07-24CC-C1F5-2CE0-970547FA5B6F}"/>
          </ac:spMkLst>
        </pc:spChg>
        <pc:spChg chg="mod modVis">
          <ac:chgData name="Gloria Asiimwe" userId="c024b75d-292e-4c56-9621-7e555a0fc6d4" providerId="ADAL" clId="{5522CFE8-800C-42D8-AC62-9592F1789348}" dt="2024-06-07T09:22:49.909" v="297" actId="20577"/>
          <ac:spMkLst>
            <pc:docMk/>
            <pc:sldMk cId="374593191" sldId="275"/>
            <ac:spMk id="13" creationId="{0ECB4A5E-327D-B54C-56DF-2FD2060E075F}"/>
          </ac:spMkLst>
        </pc:spChg>
        <pc:picChg chg="mod modVis">
          <ac:chgData name="Gloria Asiimwe" userId="c024b75d-292e-4c56-9621-7e555a0fc6d4" providerId="ADAL" clId="{5522CFE8-800C-42D8-AC62-9592F1789348}" dt="2024-06-07T09:15:10.150" v="241" actId="14430"/>
          <ac:picMkLst>
            <pc:docMk/>
            <pc:sldMk cId="374593191" sldId="275"/>
            <ac:picMk id="5" creationId="{BDB05D21-D253-38D8-728A-A9F68FDD3F00}"/>
          </ac:picMkLst>
        </pc:picChg>
        <pc:picChg chg="mod ord modVis">
          <ac:chgData name="Gloria Asiimwe" userId="c024b75d-292e-4c56-9621-7e555a0fc6d4" providerId="ADAL" clId="{5522CFE8-800C-42D8-AC62-9592F1789348}" dt="2024-06-07T08:57:18.225" v="87" actId="14429"/>
          <ac:picMkLst>
            <pc:docMk/>
            <pc:sldMk cId="374593191" sldId="275"/>
            <ac:picMk id="6" creationId="{E8DCC5DB-A901-36BA-23B9-F78295C84A00}"/>
          </ac:picMkLst>
        </pc:picChg>
        <pc:picChg chg="ord">
          <ac:chgData name="Gloria Asiimwe" userId="c024b75d-292e-4c56-9621-7e555a0fc6d4" providerId="ADAL" clId="{5522CFE8-800C-42D8-AC62-9592F1789348}" dt="2024-06-07T08:58:02.428" v="95" actId="13244"/>
          <ac:picMkLst>
            <pc:docMk/>
            <pc:sldMk cId="374593191" sldId="275"/>
            <ac:picMk id="9" creationId="{9547324C-7A2A-4460-A19A-F48C114F66EF}"/>
          </ac:picMkLst>
        </pc:picChg>
        <pc:picChg chg="add mod">
          <ac:chgData name="Gloria Asiimwe" userId="c024b75d-292e-4c56-9621-7e555a0fc6d4" providerId="ADAL" clId="{5522CFE8-800C-42D8-AC62-9592F1789348}" dt="2024-06-07T09:16:20.100" v="257" actId="1076"/>
          <ac:picMkLst>
            <pc:docMk/>
            <pc:sldMk cId="374593191" sldId="275"/>
            <ac:picMk id="12" creationId="{E90AE02C-0C63-A619-D3E3-9B4725C37833}"/>
          </ac:picMkLst>
        </pc:picChg>
        <pc:picChg chg="mod modVis">
          <ac:chgData name="Gloria Asiimwe" userId="c024b75d-292e-4c56-9621-7e555a0fc6d4" providerId="ADAL" clId="{5522CFE8-800C-42D8-AC62-9592F1789348}" dt="2024-06-07T08:57:27.257" v="92" actId="14429"/>
          <ac:picMkLst>
            <pc:docMk/>
            <pc:sldMk cId="374593191" sldId="275"/>
            <ac:picMk id="15" creationId="{8E99926D-0CEA-ED9A-56C8-2502B425E663}"/>
          </ac:picMkLst>
        </pc:picChg>
      </pc:sldChg>
      <pc:sldChg chg="delSp modSp add mod">
        <pc:chgData name="Gloria Asiimwe" userId="c024b75d-292e-4c56-9621-7e555a0fc6d4" providerId="ADAL" clId="{5522CFE8-800C-42D8-AC62-9592F1789348}" dt="2024-06-07T09:24:08.766" v="322" actId="478"/>
        <pc:sldMkLst>
          <pc:docMk/>
          <pc:sldMk cId="1222688729" sldId="276"/>
        </pc:sldMkLst>
        <pc:spChg chg="mod ord modVis">
          <ac:chgData name="Gloria Asiimwe" userId="c024b75d-292e-4c56-9621-7e555a0fc6d4" providerId="ADAL" clId="{5522CFE8-800C-42D8-AC62-9592F1789348}" dt="2024-06-07T09:22:02.016" v="293" actId="14429"/>
          <ac:spMkLst>
            <pc:docMk/>
            <pc:sldMk cId="1222688729" sldId="276"/>
            <ac:spMk id="2" creationId="{86BBEA38-D4EA-354A-C0A7-F4FF3D9D75D3}"/>
          </ac:spMkLst>
        </pc:spChg>
        <pc:spChg chg="del">
          <ac:chgData name="Gloria Asiimwe" userId="c024b75d-292e-4c56-9621-7e555a0fc6d4" providerId="ADAL" clId="{5522CFE8-800C-42D8-AC62-9592F1789348}" dt="2024-06-07T08:52:45.311" v="35" actId="478"/>
          <ac:spMkLst>
            <pc:docMk/>
            <pc:sldMk cId="1222688729" sldId="276"/>
            <ac:spMk id="4" creationId="{7E1472A5-197C-1DC7-ED15-A9F5E47E1C48}"/>
          </ac:spMkLst>
        </pc:spChg>
        <pc:spChg chg="del">
          <ac:chgData name="Gloria Asiimwe" userId="c024b75d-292e-4c56-9621-7e555a0fc6d4" providerId="ADAL" clId="{5522CFE8-800C-42D8-AC62-9592F1789348}" dt="2024-06-07T08:52:43.677" v="34" actId="478"/>
          <ac:spMkLst>
            <pc:docMk/>
            <pc:sldMk cId="1222688729" sldId="276"/>
            <ac:spMk id="7" creationId="{E466A3B2-2BDE-1EF1-4673-F85D959E72AA}"/>
          </ac:spMkLst>
        </pc:spChg>
        <pc:spChg chg="del mod ord modVis">
          <ac:chgData name="Gloria Asiimwe" userId="c024b75d-292e-4c56-9621-7e555a0fc6d4" providerId="ADAL" clId="{5522CFE8-800C-42D8-AC62-9592F1789348}" dt="2024-06-07T09:23:46.730" v="316" actId="478"/>
          <ac:spMkLst>
            <pc:docMk/>
            <pc:sldMk cId="1222688729" sldId="276"/>
            <ac:spMk id="8" creationId="{183B3A07-24CC-C1F5-2CE0-970547FA5B6F}"/>
          </ac:spMkLst>
        </pc:spChg>
        <pc:spChg chg="del mod ord modVis">
          <ac:chgData name="Gloria Asiimwe" userId="c024b75d-292e-4c56-9621-7e555a0fc6d4" providerId="ADAL" clId="{5522CFE8-800C-42D8-AC62-9592F1789348}" dt="2024-06-07T09:23:41.546" v="311" actId="478"/>
          <ac:spMkLst>
            <pc:docMk/>
            <pc:sldMk cId="1222688729" sldId="276"/>
            <ac:spMk id="10" creationId="{1AD3E06A-283C-F4B1-4B61-284D1AD63208}"/>
          </ac:spMkLst>
        </pc:spChg>
        <pc:spChg chg="del mod ord modVis">
          <ac:chgData name="Gloria Asiimwe" userId="c024b75d-292e-4c56-9621-7e555a0fc6d4" providerId="ADAL" clId="{5522CFE8-800C-42D8-AC62-9592F1789348}" dt="2024-06-07T09:23:34.190" v="307" actId="478"/>
          <ac:spMkLst>
            <pc:docMk/>
            <pc:sldMk cId="1222688729" sldId="276"/>
            <ac:spMk id="11" creationId="{6100609D-04CF-1B28-2856-83B84D3B7C11}"/>
          </ac:spMkLst>
        </pc:spChg>
        <pc:spChg chg="del">
          <ac:chgData name="Gloria Asiimwe" userId="c024b75d-292e-4c56-9621-7e555a0fc6d4" providerId="ADAL" clId="{5522CFE8-800C-42D8-AC62-9592F1789348}" dt="2024-06-07T08:52:36.042" v="32" actId="478"/>
          <ac:spMkLst>
            <pc:docMk/>
            <pc:sldMk cId="1222688729" sldId="276"/>
            <ac:spMk id="13" creationId="{0ECB4A5E-327D-B54C-56DF-2FD2060E075F}"/>
          </ac:spMkLst>
        </pc:spChg>
        <pc:spChg chg="del">
          <ac:chgData name="Gloria Asiimwe" userId="c024b75d-292e-4c56-9621-7e555a0fc6d4" providerId="ADAL" clId="{5522CFE8-800C-42D8-AC62-9592F1789348}" dt="2024-06-07T08:52:48.118" v="37" actId="478"/>
          <ac:spMkLst>
            <pc:docMk/>
            <pc:sldMk cId="1222688729" sldId="276"/>
            <ac:spMk id="16" creationId="{59F59A3D-CED1-4ADF-2CF9-425CD009A47F}"/>
          </ac:spMkLst>
        </pc:spChg>
        <pc:spChg chg="del mod ord modVis">
          <ac:chgData name="Gloria Asiimwe" userId="c024b75d-292e-4c56-9621-7e555a0fc6d4" providerId="ADAL" clId="{5522CFE8-800C-42D8-AC62-9592F1789348}" dt="2024-06-07T09:24:08.766" v="322" actId="478"/>
          <ac:spMkLst>
            <pc:docMk/>
            <pc:sldMk cId="1222688729" sldId="276"/>
            <ac:spMk id="17" creationId="{D465639F-9275-2E8A-9EF1-40A3FCA9F8A1}"/>
          </ac:spMkLst>
        </pc:spChg>
        <pc:picChg chg="del">
          <ac:chgData name="Gloria Asiimwe" userId="c024b75d-292e-4c56-9621-7e555a0fc6d4" providerId="ADAL" clId="{5522CFE8-800C-42D8-AC62-9592F1789348}" dt="2024-06-07T08:52:42.240" v="33" actId="478"/>
          <ac:picMkLst>
            <pc:docMk/>
            <pc:sldMk cId="1222688729" sldId="276"/>
            <ac:picMk id="5" creationId="{BDB05D21-D253-38D8-728A-A9F68FDD3F00}"/>
          </ac:picMkLst>
        </pc:picChg>
        <pc:picChg chg="mod ord modVis">
          <ac:chgData name="Gloria Asiimwe" userId="c024b75d-292e-4c56-9621-7e555a0fc6d4" providerId="ADAL" clId="{5522CFE8-800C-42D8-AC62-9592F1789348}" dt="2024-06-07T09:23:13.527" v="300" actId="13244"/>
          <ac:picMkLst>
            <pc:docMk/>
            <pc:sldMk cId="1222688729" sldId="276"/>
            <ac:picMk id="6" creationId="{E8DCC5DB-A901-36BA-23B9-F78295C84A00}"/>
          </ac:picMkLst>
        </pc:picChg>
        <pc:picChg chg="del">
          <ac:chgData name="Gloria Asiimwe" userId="c024b75d-292e-4c56-9621-7e555a0fc6d4" providerId="ADAL" clId="{5522CFE8-800C-42D8-AC62-9592F1789348}" dt="2024-06-07T08:52:46.758" v="36" actId="478"/>
          <ac:picMkLst>
            <pc:docMk/>
            <pc:sldMk cId="1222688729" sldId="276"/>
            <ac:picMk id="9" creationId="{9547324C-7A2A-4460-A19A-F48C114F66EF}"/>
          </ac:picMkLst>
        </pc:picChg>
        <pc:picChg chg="del mod modVis">
          <ac:chgData name="Gloria Asiimwe" userId="c024b75d-292e-4c56-9621-7e555a0fc6d4" providerId="ADAL" clId="{5522CFE8-800C-42D8-AC62-9592F1789348}" dt="2024-06-07T08:52:31.535" v="31" actId="478"/>
          <ac:picMkLst>
            <pc:docMk/>
            <pc:sldMk cId="1222688729" sldId="276"/>
            <ac:picMk id="15" creationId="{8E99926D-0CEA-ED9A-56C8-2502B425E663}"/>
          </ac:picMkLst>
        </pc:picChg>
      </pc:sldChg>
      <pc:sldChg chg="addSp delSp modSp add del mod">
        <pc:chgData name="Gloria Asiimwe" userId="c024b75d-292e-4c56-9621-7e555a0fc6d4" providerId="ADAL" clId="{5522CFE8-800C-42D8-AC62-9592F1789348}" dt="2024-06-07T08:56:49.592" v="79" actId="2696"/>
        <pc:sldMkLst>
          <pc:docMk/>
          <pc:sldMk cId="2098700932" sldId="277"/>
        </pc:sldMkLst>
        <pc:spChg chg="mod modVis">
          <ac:chgData name="Gloria Asiimwe" userId="c024b75d-292e-4c56-9621-7e555a0fc6d4" providerId="ADAL" clId="{5522CFE8-800C-42D8-AC62-9592F1789348}" dt="2024-06-07T08:56:02.059" v="73" actId="14429"/>
          <ac:spMkLst>
            <pc:docMk/>
            <pc:sldMk cId="2098700932" sldId="277"/>
            <ac:spMk id="4" creationId="{79581622-2AD9-2E7E-0201-ABEF801CDD60}"/>
          </ac:spMkLst>
        </pc:spChg>
        <pc:spChg chg="mod modVis">
          <ac:chgData name="Gloria Asiimwe" userId="c024b75d-292e-4c56-9621-7e555a0fc6d4" providerId="ADAL" clId="{5522CFE8-800C-42D8-AC62-9592F1789348}" dt="2024-06-07T08:55:46.579" v="63" actId="14429"/>
          <ac:spMkLst>
            <pc:docMk/>
            <pc:sldMk cId="2098700932" sldId="277"/>
            <ac:spMk id="5" creationId="{3805FF7A-3484-1EDE-7EE4-BBE196BA4DB2}"/>
          </ac:spMkLst>
        </pc:spChg>
        <pc:spChg chg="add del">
          <ac:chgData name="Gloria Asiimwe" userId="c024b75d-292e-4c56-9621-7e555a0fc6d4" providerId="ADAL" clId="{5522CFE8-800C-42D8-AC62-9592F1789348}" dt="2024-06-07T08:55:06.327" v="54" actId="478"/>
          <ac:spMkLst>
            <pc:docMk/>
            <pc:sldMk cId="2098700932" sldId="277"/>
            <ac:spMk id="10" creationId="{26D56151-12C9-2F75-B0A2-C2AC91AFB154}"/>
          </ac:spMkLst>
        </pc:spChg>
        <pc:spChg chg="del">
          <ac:chgData name="Gloria Asiimwe" userId="c024b75d-292e-4c56-9621-7e555a0fc6d4" providerId="ADAL" clId="{5522CFE8-800C-42D8-AC62-9592F1789348}" dt="2024-06-07T08:55:02.516" v="52" actId="478"/>
          <ac:spMkLst>
            <pc:docMk/>
            <pc:sldMk cId="2098700932" sldId="277"/>
            <ac:spMk id="11" creationId="{2E9F5B46-0C12-AEC6-9E82-3D5EA3E5757C}"/>
          </ac:spMkLst>
        </pc:spChg>
        <pc:spChg chg="del">
          <ac:chgData name="Gloria Asiimwe" userId="c024b75d-292e-4c56-9621-7e555a0fc6d4" providerId="ADAL" clId="{5522CFE8-800C-42D8-AC62-9592F1789348}" dt="2024-06-07T08:55:11.160" v="56" actId="478"/>
          <ac:spMkLst>
            <pc:docMk/>
            <pc:sldMk cId="2098700932" sldId="277"/>
            <ac:spMk id="14" creationId="{3A087F8D-C046-77AC-4771-F4D17FA0AA67}"/>
          </ac:spMkLst>
        </pc:spChg>
        <pc:spChg chg="del mod modVis">
          <ac:chgData name="Gloria Asiimwe" userId="c024b75d-292e-4c56-9621-7e555a0fc6d4" providerId="ADAL" clId="{5522CFE8-800C-42D8-AC62-9592F1789348}" dt="2024-06-07T08:56:23.395" v="78" actId="478"/>
          <ac:spMkLst>
            <pc:docMk/>
            <pc:sldMk cId="2098700932" sldId="277"/>
            <ac:spMk id="17" creationId="{C5AFDD76-EFF5-1314-6CF1-D4167F03C007}"/>
          </ac:spMkLst>
        </pc:spChg>
        <pc:spChg chg="mod ord modVis">
          <ac:chgData name="Gloria Asiimwe" userId="c024b75d-292e-4c56-9621-7e555a0fc6d4" providerId="ADAL" clId="{5522CFE8-800C-42D8-AC62-9592F1789348}" dt="2024-06-07T08:55:51.102" v="67" actId="14429"/>
          <ac:spMkLst>
            <pc:docMk/>
            <pc:sldMk cId="2098700932" sldId="277"/>
            <ac:spMk id="18" creationId="{B1601A08-41E0-6E3A-8352-1CDE1E167D9A}"/>
          </ac:spMkLst>
        </pc:spChg>
        <pc:picChg chg="mod ord">
          <ac:chgData name="Gloria Asiimwe" userId="c024b75d-292e-4c56-9621-7e555a0fc6d4" providerId="ADAL" clId="{5522CFE8-800C-42D8-AC62-9592F1789348}" dt="2024-06-07T08:55:39.125" v="61" actId="13244"/>
          <ac:picMkLst>
            <pc:docMk/>
            <pc:sldMk cId="2098700932" sldId="277"/>
            <ac:picMk id="6" creationId="{FC76647C-B0EC-814A-FAF9-D4C3FC17E70C}"/>
          </ac:picMkLst>
        </pc:picChg>
        <pc:picChg chg="del">
          <ac:chgData name="Gloria Asiimwe" userId="c024b75d-292e-4c56-9621-7e555a0fc6d4" providerId="ADAL" clId="{5522CFE8-800C-42D8-AC62-9592F1789348}" dt="2024-06-07T08:55:09.966" v="55" actId="478"/>
          <ac:picMkLst>
            <pc:docMk/>
            <pc:sldMk cId="2098700932" sldId="277"/>
            <ac:picMk id="12" creationId="{0E372CE2-E680-1978-6067-48E26B2A6D82}"/>
          </ac:picMkLst>
        </pc:picChg>
        <pc:picChg chg="mod modVis">
          <ac:chgData name="Gloria Asiimwe" userId="c024b75d-292e-4c56-9621-7e555a0fc6d4" providerId="ADAL" clId="{5522CFE8-800C-42D8-AC62-9592F1789348}" dt="2024-06-07T08:55:59.515" v="71" actId="14429"/>
          <ac:picMkLst>
            <pc:docMk/>
            <pc:sldMk cId="2098700932" sldId="277"/>
            <ac:picMk id="13" creationId="{176CC98A-6E11-5AF9-5239-963BC985FF30}"/>
          </ac:picMkLst>
        </pc:picChg>
        <pc:picChg chg="del">
          <ac:chgData name="Gloria Asiimwe" userId="c024b75d-292e-4c56-9621-7e555a0fc6d4" providerId="ADAL" clId="{5522CFE8-800C-42D8-AC62-9592F1789348}" dt="2024-06-07T08:55:01.221" v="51" actId="478"/>
          <ac:picMkLst>
            <pc:docMk/>
            <pc:sldMk cId="2098700932" sldId="277"/>
            <ac:picMk id="15" creationId="{7DF0E727-3519-8EEE-0552-FE0962CEFB6C}"/>
          </ac:picMkLst>
        </pc:picChg>
      </pc:sldChg>
      <pc:sldChg chg="addSp delSp modSp add mod">
        <pc:chgData name="Gloria Asiimwe" userId="c024b75d-292e-4c56-9621-7e555a0fc6d4" providerId="ADAL" clId="{5522CFE8-800C-42D8-AC62-9592F1789348}" dt="2024-06-07T09:25:24.981" v="324" actId="478"/>
        <pc:sldMkLst>
          <pc:docMk/>
          <pc:sldMk cId="3637689769" sldId="277"/>
        </pc:sldMkLst>
        <pc:spChg chg="del">
          <ac:chgData name="Gloria Asiimwe" userId="c024b75d-292e-4c56-9621-7e555a0fc6d4" providerId="ADAL" clId="{5522CFE8-800C-42D8-AC62-9592F1789348}" dt="2024-06-07T09:00:35.440" v="143" actId="478"/>
          <ac:spMkLst>
            <pc:docMk/>
            <pc:sldMk cId="3637689769" sldId="277"/>
            <ac:spMk id="3" creationId="{25D7D66E-6B7F-1D6C-167F-2A5F0E1FA169}"/>
          </ac:spMkLst>
        </pc:spChg>
        <pc:spChg chg="del">
          <ac:chgData name="Gloria Asiimwe" userId="c024b75d-292e-4c56-9621-7e555a0fc6d4" providerId="ADAL" clId="{5522CFE8-800C-42D8-AC62-9592F1789348}" dt="2024-06-07T09:00:25.194" v="140" actId="478"/>
          <ac:spMkLst>
            <pc:docMk/>
            <pc:sldMk cId="3637689769" sldId="277"/>
            <ac:spMk id="5" creationId="{903A6EC7-1D55-1B34-1345-187D5CA2F9B0}"/>
          </ac:spMkLst>
        </pc:spChg>
        <pc:spChg chg="del mod ord modVis">
          <ac:chgData name="Gloria Asiimwe" userId="c024b75d-292e-4c56-9621-7e555a0fc6d4" providerId="ADAL" clId="{5522CFE8-800C-42D8-AC62-9592F1789348}" dt="2024-06-07T09:19:10.543" v="288" actId="478"/>
          <ac:spMkLst>
            <pc:docMk/>
            <pc:sldMk cId="3637689769" sldId="277"/>
            <ac:spMk id="6" creationId="{C2E5B456-531F-DCA5-F39B-F3F9E25E9299}"/>
          </ac:spMkLst>
        </pc:spChg>
        <pc:spChg chg="del mod ord modVis">
          <ac:chgData name="Gloria Asiimwe" userId="c024b75d-292e-4c56-9621-7e555a0fc6d4" providerId="ADAL" clId="{5522CFE8-800C-42D8-AC62-9592F1789348}" dt="2024-06-07T09:19:05.834" v="283" actId="478"/>
          <ac:spMkLst>
            <pc:docMk/>
            <pc:sldMk cId="3637689769" sldId="277"/>
            <ac:spMk id="7" creationId="{39F4B099-7BE9-3537-1AF9-C05254A9D87D}"/>
          </ac:spMkLst>
        </pc:spChg>
        <pc:spChg chg="add del mod ord modVis">
          <ac:chgData name="Gloria Asiimwe" userId="c024b75d-292e-4c56-9621-7e555a0fc6d4" providerId="ADAL" clId="{5522CFE8-800C-42D8-AC62-9592F1789348}" dt="2024-06-07T09:18:57.626" v="278" actId="478"/>
          <ac:spMkLst>
            <pc:docMk/>
            <pc:sldMk cId="3637689769" sldId="277"/>
            <ac:spMk id="8" creationId="{8CECFD17-5B4E-379D-166F-0E91B687F203}"/>
          </ac:spMkLst>
        </pc:spChg>
        <pc:spChg chg="del">
          <ac:chgData name="Gloria Asiimwe" userId="c024b75d-292e-4c56-9621-7e555a0fc6d4" providerId="ADAL" clId="{5522CFE8-800C-42D8-AC62-9592F1789348}" dt="2024-06-07T09:25:24.981" v="324" actId="478"/>
          <ac:spMkLst>
            <pc:docMk/>
            <pc:sldMk cId="3637689769" sldId="277"/>
            <ac:spMk id="9" creationId="{5CDC7C4F-3928-AE9F-E231-1A7CD13D8434}"/>
          </ac:spMkLst>
        </pc:spChg>
        <pc:spChg chg="del">
          <ac:chgData name="Gloria Asiimwe" userId="c024b75d-292e-4c56-9621-7e555a0fc6d4" providerId="ADAL" clId="{5522CFE8-800C-42D8-AC62-9592F1789348}" dt="2024-06-07T09:00:22.162" v="138" actId="478"/>
          <ac:spMkLst>
            <pc:docMk/>
            <pc:sldMk cId="3637689769" sldId="277"/>
            <ac:spMk id="11" creationId="{0916BF45-EF64-DEC5-58DD-D4078061424E}"/>
          </ac:spMkLst>
        </pc:spChg>
        <pc:spChg chg="del">
          <ac:chgData name="Gloria Asiimwe" userId="c024b75d-292e-4c56-9621-7e555a0fc6d4" providerId="ADAL" clId="{5522CFE8-800C-42D8-AC62-9592F1789348}" dt="2024-06-07T09:00:49.640" v="147" actId="478"/>
          <ac:spMkLst>
            <pc:docMk/>
            <pc:sldMk cId="3637689769" sldId="277"/>
            <ac:spMk id="13" creationId="{7DC0FE9E-0A94-234D-3CCB-06DE63F64416}"/>
          </ac:spMkLst>
        </pc:spChg>
        <pc:spChg chg="mod ord modVis">
          <ac:chgData name="Gloria Asiimwe" userId="c024b75d-292e-4c56-9621-7e555a0fc6d4" providerId="ADAL" clId="{5522CFE8-800C-42D8-AC62-9592F1789348}" dt="2024-06-07T09:01:54.127" v="160" actId="34135"/>
          <ac:spMkLst>
            <pc:docMk/>
            <pc:sldMk cId="3637689769" sldId="277"/>
            <ac:spMk id="20" creationId="{3AEA561C-FDFF-CCBC-88F5-F891CB5B4C91}"/>
          </ac:spMkLst>
        </pc:spChg>
        <pc:picChg chg="mod ord modVis">
          <ac:chgData name="Gloria Asiimwe" userId="c024b75d-292e-4c56-9621-7e555a0fc6d4" providerId="ADAL" clId="{5522CFE8-800C-42D8-AC62-9592F1789348}" dt="2024-06-07T09:18:41.938" v="270" actId="13244"/>
          <ac:picMkLst>
            <pc:docMk/>
            <pc:sldMk cId="3637689769" sldId="277"/>
            <ac:picMk id="2" creationId="{BBB3A0DD-9AA6-F665-E723-546433741E9C}"/>
          </ac:picMkLst>
        </pc:picChg>
        <pc:picChg chg="del">
          <ac:chgData name="Gloria Asiimwe" userId="c024b75d-292e-4c56-9621-7e555a0fc6d4" providerId="ADAL" clId="{5522CFE8-800C-42D8-AC62-9592F1789348}" dt="2024-06-07T09:00:38.682" v="144" actId="478"/>
          <ac:picMkLst>
            <pc:docMk/>
            <pc:sldMk cId="3637689769" sldId="277"/>
            <ac:picMk id="4" creationId="{AAB807FD-A757-2885-7094-A0B9075FE2A7}"/>
          </ac:picMkLst>
        </pc:picChg>
        <pc:picChg chg="del">
          <ac:chgData name="Gloria Asiimwe" userId="c024b75d-292e-4c56-9621-7e555a0fc6d4" providerId="ADAL" clId="{5522CFE8-800C-42D8-AC62-9592F1789348}" dt="2024-06-07T09:00:23.414" v="139" actId="478"/>
          <ac:picMkLst>
            <pc:docMk/>
            <pc:sldMk cId="3637689769" sldId="277"/>
            <ac:picMk id="10" creationId="{265F8BEC-9A11-3C58-B930-13BF5B6731D5}"/>
          </ac:picMkLst>
        </pc:picChg>
        <pc:picChg chg="del">
          <ac:chgData name="Gloria Asiimwe" userId="c024b75d-292e-4c56-9621-7e555a0fc6d4" providerId="ADAL" clId="{5522CFE8-800C-42D8-AC62-9592F1789348}" dt="2024-06-07T09:00:16.227" v="135" actId="478"/>
          <ac:picMkLst>
            <pc:docMk/>
            <pc:sldMk cId="3637689769" sldId="277"/>
            <ac:picMk id="12" creationId="{832A28DF-0679-8C5A-5802-2DD51B18E468}"/>
          </ac:picMkLst>
        </pc:picChg>
      </pc:sldChg>
      <pc:sldChg chg="addSp delSp modSp add mod">
        <pc:chgData name="Gloria Asiimwe" userId="c024b75d-292e-4c56-9621-7e555a0fc6d4" providerId="ADAL" clId="{5522CFE8-800C-42D8-AC62-9592F1789348}" dt="2024-06-07T09:25:45.877" v="330" actId="478"/>
        <pc:sldMkLst>
          <pc:docMk/>
          <pc:sldMk cId="435885154" sldId="278"/>
        </pc:sldMkLst>
        <pc:spChg chg="del mod">
          <ac:chgData name="Gloria Asiimwe" userId="c024b75d-292e-4c56-9621-7e555a0fc6d4" providerId="ADAL" clId="{5522CFE8-800C-42D8-AC62-9592F1789348}" dt="2024-06-07T09:25:45.877" v="330" actId="478"/>
          <ac:spMkLst>
            <pc:docMk/>
            <pc:sldMk cId="435885154" sldId="278"/>
            <ac:spMk id="2" creationId="{DEE4386E-A5E4-A094-5CB1-0C1254E86A56}"/>
          </ac:spMkLst>
        </pc:spChg>
        <pc:spChg chg="del">
          <ac:chgData name="Gloria Asiimwe" userId="c024b75d-292e-4c56-9621-7e555a0fc6d4" providerId="ADAL" clId="{5522CFE8-800C-42D8-AC62-9592F1789348}" dt="2024-06-07T09:06:18.360" v="168" actId="478"/>
          <ac:spMkLst>
            <pc:docMk/>
            <pc:sldMk cId="435885154" sldId="278"/>
            <ac:spMk id="3" creationId="{AFCF3405-B6C0-09A4-4DE0-98D71A0EA677}"/>
          </ac:spMkLst>
        </pc:spChg>
        <pc:spChg chg="del">
          <ac:chgData name="Gloria Asiimwe" userId="c024b75d-292e-4c56-9621-7e555a0fc6d4" providerId="ADAL" clId="{5522CFE8-800C-42D8-AC62-9592F1789348}" dt="2024-06-07T09:02:23.137" v="163" actId="478"/>
          <ac:spMkLst>
            <pc:docMk/>
            <pc:sldMk cId="435885154" sldId="278"/>
            <ac:spMk id="4" creationId="{79581622-2AD9-2E7E-0201-ABEF801CDD60}"/>
          </ac:spMkLst>
        </pc:spChg>
        <pc:spChg chg="mod">
          <ac:chgData name="Gloria Asiimwe" userId="c024b75d-292e-4c56-9621-7e555a0fc6d4" providerId="ADAL" clId="{5522CFE8-800C-42D8-AC62-9592F1789348}" dt="2024-06-07T09:19:55.521" v="290" actId="34135"/>
          <ac:spMkLst>
            <pc:docMk/>
            <pc:sldMk cId="435885154" sldId="278"/>
            <ac:spMk id="5" creationId="{3805FF7A-3484-1EDE-7EE4-BBE196BA4DB2}"/>
          </ac:spMkLst>
        </pc:spChg>
        <pc:spChg chg="mod">
          <ac:chgData name="Gloria Asiimwe" userId="c024b75d-292e-4c56-9621-7e555a0fc6d4" providerId="ADAL" clId="{5522CFE8-800C-42D8-AC62-9592F1789348}" dt="2024-06-07T09:19:51.650" v="289" actId="34135"/>
          <ac:spMkLst>
            <pc:docMk/>
            <pc:sldMk cId="435885154" sldId="278"/>
            <ac:spMk id="7" creationId="{22BEFDDE-4F75-E4C1-D461-F2DC7262A728}"/>
          </ac:spMkLst>
        </pc:spChg>
        <pc:spChg chg="del mod ord modVis">
          <ac:chgData name="Gloria Asiimwe" userId="c024b75d-292e-4c56-9621-7e555a0fc6d4" providerId="ADAL" clId="{5522CFE8-800C-42D8-AC62-9592F1789348}" dt="2024-06-07T09:10:40.528" v="209" actId="478"/>
          <ac:spMkLst>
            <pc:docMk/>
            <pc:sldMk cId="435885154" sldId="278"/>
            <ac:spMk id="8" creationId="{4196606E-169E-6690-0E1C-F34ECE029392}"/>
          </ac:spMkLst>
        </pc:spChg>
        <pc:spChg chg="del mod ord modVis">
          <ac:chgData name="Gloria Asiimwe" userId="c024b75d-292e-4c56-9621-7e555a0fc6d4" providerId="ADAL" clId="{5522CFE8-800C-42D8-AC62-9592F1789348}" dt="2024-06-07T09:10:27.467" v="205" actId="478"/>
          <ac:spMkLst>
            <pc:docMk/>
            <pc:sldMk cId="435885154" sldId="278"/>
            <ac:spMk id="9" creationId="{E28A85AC-7368-3C1B-B463-7638EA9FE35A}"/>
          </ac:spMkLst>
        </pc:spChg>
        <pc:spChg chg="del mod ord modVis">
          <ac:chgData name="Gloria Asiimwe" userId="c024b75d-292e-4c56-9621-7e555a0fc6d4" providerId="ADAL" clId="{5522CFE8-800C-42D8-AC62-9592F1789348}" dt="2024-06-07T09:08:00.720" v="195" actId="478"/>
          <ac:spMkLst>
            <pc:docMk/>
            <pc:sldMk cId="435885154" sldId="278"/>
            <ac:spMk id="10" creationId="{26D56151-12C9-2F75-B0A2-C2AC91AFB154}"/>
          </ac:spMkLst>
        </pc:spChg>
        <pc:spChg chg="del">
          <ac:chgData name="Gloria Asiimwe" userId="c024b75d-292e-4c56-9621-7e555a0fc6d4" providerId="ADAL" clId="{5522CFE8-800C-42D8-AC62-9592F1789348}" dt="2024-06-07T09:02:26.220" v="165" actId="478"/>
          <ac:spMkLst>
            <pc:docMk/>
            <pc:sldMk cId="435885154" sldId="278"/>
            <ac:spMk id="11" creationId="{2E9F5B46-0C12-AEC6-9E82-3D5EA3E5757C}"/>
          </ac:spMkLst>
        </pc:spChg>
        <pc:spChg chg="del">
          <ac:chgData name="Gloria Asiimwe" userId="c024b75d-292e-4c56-9621-7e555a0fc6d4" providerId="ADAL" clId="{5522CFE8-800C-42D8-AC62-9592F1789348}" dt="2024-06-07T09:02:29.582" v="167" actId="478"/>
          <ac:spMkLst>
            <pc:docMk/>
            <pc:sldMk cId="435885154" sldId="278"/>
            <ac:spMk id="14" creationId="{3A087F8D-C046-77AC-4771-F4D17FA0AA67}"/>
          </ac:spMkLst>
        </pc:spChg>
        <pc:spChg chg="del mod modVis">
          <ac:chgData name="Gloria Asiimwe" userId="c024b75d-292e-4c56-9621-7e555a0fc6d4" providerId="ADAL" clId="{5522CFE8-800C-42D8-AC62-9592F1789348}" dt="2024-06-07T09:10:16.893" v="201" actId="478"/>
          <ac:spMkLst>
            <pc:docMk/>
            <pc:sldMk cId="435885154" sldId="278"/>
            <ac:spMk id="17" creationId="{C5AFDD76-EFF5-1314-6CF1-D4167F03C007}"/>
          </ac:spMkLst>
        </pc:spChg>
        <pc:spChg chg="mod modVis">
          <ac:chgData name="Gloria Asiimwe" userId="c024b75d-292e-4c56-9621-7e555a0fc6d4" providerId="ADAL" clId="{5522CFE8-800C-42D8-AC62-9592F1789348}" dt="2024-06-07T09:09:57.377" v="197" actId="14429"/>
          <ac:spMkLst>
            <pc:docMk/>
            <pc:sldMk cId="435885154" sldId="278"/>
            <ac:spMk id="22" creationId="{0EC4BD3F-4FBE-7603-1AEF-2B9E5840D148}"/>
          </ac:spMkLst>
        </pc:spChg>
        <pc:picChg chg="add del mod ord">
          <ac:chgData name="Gloria Asiimwe" userId="c024b75d-292e-4c56-9621-7e555a0fc6d4" providerId="ADAL" clId="{5522CFE8-800C-42D8-AC62-9592F1789348}" dt="2024-06-07T09:25:39.130" v="328" actId="1076"/>
          <ac:picMkLst>
            <pc:docMk/>
            <pc:sldMk cId="435885154" sldId="278"/>
            <ac:picMk id="6" creationId="{FC76647C-B0EC-814A-FAF9-D4C3FC17E70C}"/>
          </ac:picMkLst>
        </pc:picChg>
        <pc:picChg chg="del">
          <ac:chgData name="Gloria Asiimwe" userId="c024b75d-292e-4c56-9621-7e555a0fc6d4" providerId="ADAL" clId="{5522CFE8-800C-42D8-AC62-9592F1789348}" dt="2024-06-07T09:02:27.672" v="166" actId="478"/>
          <ac:picMkLst>
            <pc:docMk/>
            <pc:sldMk cId="435885154" sldId="278"/>
            <ac:picMk id="12" creationId="{0E372CE2-E680-1978-6067-48E26B2A6D82}"/>
          </ac:picMkLst>
        </pc:picChg>
        <pc:picChg chg="del">
          <ac:chgData name="Gloria Asiimwe" userId="c024b75d-292e-4c56-9621-7e555a0fc6d4" providerId="ADAL" clId="{5522CFE8-800C-42D8-AC62-9592F1789348}" dt="2024-06-07T09:06:19.193" v="169" actId="478"/>
          <ac:picMkLst>
            <pc:docMk/>
            <pc:sldMk cId="435885154" sldId="278"/>
            <ac:picMk id="13" creationId="{176CC98A-6E11-5AF9-5239-963BC985FF30}"/>
          </ac:picMkLst>
        </pc:picChg>
        <pc:picChg chg="del">
          <ac:chgData name="Gloria Asiimwe" userId="c024b75d-292e-4c56-9621-7e555a0fc6d4" providerId="ADAL" clId="{5522CFE8-800C-42D8-AC62-9592F1789348}" dt="2024-06-07T09:02:24.539" v="164" actId="478"/>
          <ac:picMkLst>
            <pc:docMk/>
            <pc:sldMk cId="435885154" sldId="278"/>
            <ac:picMk id="15" creationId="{7DF0E727-3519-8EEE-0552-FE0962CEFB6C}"/>
          </ac:picMkLst>
        </pc:pic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213A39E-74EA-2940-8DFD-CEDED66EE5B9}" type="datetimeFigureOut">
              <a:rPr lang="en-US" smtClean="0"/>
              <a:t>6/7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9C01CDD-EED7-6A47-8F70-0F65E6EC44B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793762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9C01CDD-EED7-6A47-8F70-0F65E6EC44BB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570177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6/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52193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FE8E93-99C0-4F4C-AB37-E729171113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DFB1897-B888-9346-92AF-5C8F2BD9E61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829AB-B605-0F40-A69E-092C95D164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6/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22DFD7-2EBB-1542-9872-BC75504D2B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105B0D-8F95-3C4D-B876-789FE7E7B7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38122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3E69C5F-9C73-6E4E-8B50-3FBDEC5AF49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7172EEE-F983-CD47-B2CF-64B361C85BE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9DE8F8A-F341-C845-95EF-C41D993CD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6/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631E72-2744-964D-9031-6AF76ECDD3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164DB0-3FA6-334B-BD52-6B7321FA29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48039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2775133810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07/06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3194436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4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4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EE11BD8-6580-41DD-940E-B1D1B8B2E210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7 June 2024</a:t>
            </a:fld>
            <a:endParaRPr lang="en-US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97A30E8-35A3-4CE7-93BA-293D648C86FF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9738BE3-1506-4C98-A8EE-0BB4912D32C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0223583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WHITE_TextSlide_1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0821CC-265E-473E-BD96-BC93B6A49D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C4D5EE-B9EC-4B8B-B697-CD3B955461AE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98937FE-5C9B-40C9-8C55-48EB04CA346C}" type="datetime3">
              <a:rPr lang="en-US" smtClean="0"/>
              <a:pPr/>
              <a:t>7 June 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D518933-C06B-479E-8487-1189C2548F6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46022265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WHITE_TextSlide_2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97C326BA-A1F7-4E33-88FC-B76359D35FF4}" type="datetime3">
              <a:rPr lang="en-US" smtClean="0"/>
              <a:pPr/>
              <a:t>7 June 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5B7B4106-2F1F-45B9-9A64-FAC3DF7E09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18303317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WHITE_Title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82CEB40-7C69-47E5-9106-E566935D3F53}" type="datetime3">
              <a:rPr lang="en-US" smtClean="0"/>
              <a:pPr/>
              <a:t>7 June 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9E037E20-29EF-410F-AA70-D50FAE88B30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57804057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WHIT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reeform 5">
            <a:extLst>
              <a:ext uri="{FF2B5EF4-FFF2-40B4-BE49-F238E27FC236}">
                <a16:creationId xmlns:a16="http://schemas.microsoft.com/office/drawing/2014/main" id="{1A86010D-9F01-497B-8478-6CF04E7FA29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358FB484-E257-4956-8FB5-C4732E1049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7 June 2024</a:t>
            </a:fld>
            <a:endParaRPr lang="en-US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9AF5AAFD-95B3-4157-BBB5-7CC40DB355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A34BD8F-0033-4927-AA44-05B0484E3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3934967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ThankYou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DBB8F16C-570A-470A-AC41-3DFDC1411C3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547513D5-8313-4D89-8E49-067C97135D8A}" type="datetime3">
              <a:rPr lang="en-US" smtClean="0"/>
              <a:pPr/>
              <a:t>7 June 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73659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/>
              <a:t>Edit contact or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0F5EA913-91DE-4286-B6E6-13E414E8221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0130942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2985F9-31B5-2540-B937-EA189AF5DA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3CA9B0-BBB7-6441-A559-3E340EF867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47C409-8C8B-6D43-99F1-CFD69ACA47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6/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27BCF6-BAE8-774D-A156-D3DAFAB60F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44C072-1B3F-3A41-9084-C3E7547A90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879125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1_WHITE_TextSlide_3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1675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404022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964083-8682-4D5C-A107-1853638C6A31}" type="datetime3">
              <a:rPr lang="en-US"/>
              <a:t>7 June 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9E565A-6679-4A67-8FB7-14EA342FD6E1}" type="slidenum">
              <a:rPr lang="en-US"/>
              <a:t>‹#›</a:t>
            </a:fld>
            <a:endParaRPr lang="en-US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CC9A967D-8A0B-4436-A012-333049F84F2E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8427720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73321478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3895379791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07/06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7104316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6/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51684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9FE67F-593F-EC41-8FB9-B4BB77B971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8D1F5F7-FC2F-B04F-954D-0E410838700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189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F5C9DC-B6B9-E744-B57C-6E1CF254D8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6/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9A2E35-DC52-AE4F-B2BE-1380251AD5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457538-E9F9-4A4C-80C8-1B7591693D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05291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AA46C2-D2AC-3F4A-9152-1BBD833C79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BEB2B0-1F1B-544F-9AC8-CAB04FBA9B9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968D01B-1E76-F24C-AD52-3B0280C5816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DE5F1D-CA19-5C4E-ABEB-1BFF0AADCA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6/7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4F2948D-B283-E44A-A733-DE041E442D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6F90B-9FFA-284F-ADB8-6ABE41E2B4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93120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559F75-DA2B-234A-9C61-48B556120E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EFA76B8-9A70-1349-9361-3898E632929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9AA3219-9962-3E40-9B95-7C6812A76BA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54D3D70-833C-804D-8186-A87B851EF54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5109F6-B728-A44D-8866-45C5DE5B4B9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7EA5748-FCFD-1946-86B9-EFA453CBD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6/7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AD07FCD-BE1A-EF46-BADD-202B0CAC6B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DF02895-6A96-1141-B139-B281BD07BB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53557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F7D82C-779A-3441-A481-F4CEA93CBD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E93E3AB-D40D-DC40-B83D-781475DA9A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6/7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CBA22AC-71E9-1F43-9171-E51EA1A690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57691AC-9D3D-564D-BB81-A0C52F672E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6262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49FE447-058A-B74D-ACD9-4CE8A439F5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6/7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63E819E-20ED-D844-9FC9-5E5BBF2C3F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734871E-3217-2B40-9D4B-E4008C76F0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27308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9C92B6-598D-AC43-A015-04EE99F60C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80D2CA-D26E-6544-A28C-B5D3935D32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5C80F2-4EB1-B84D-8A93-3719CE2B703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45085C-D62B-414B-A689-AF4CBCE09D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6/7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F7F2E5-9B87-044B-9073-49B20FEA55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CD94D1C-5337-1345-8A82-5B44A2D6A0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3789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CEF8FB-957A-524C-847C-3BCB1CA049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401AD8C-1A85-6844-99D4-7AAAC525453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4576A07-30D2-0642-B2B5-D7C9E472739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C58B9AD-3990-D242-A1A7-516C82C7BE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6/7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E98F2C8-3C11-D846-897B-5402774863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B4597D-B6BA-C244-BEBC-0D047A89B7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0021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theme" Target="../theme/theme2.xml"/><Relationship Id="rId5" Type="http://schemas.openxmlformats.org/officeDocument/2006/relationships/slideLayout" Target="../slideLayouts/slideLayout18.xml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A35A0B9-3AAB-C54E-9711-C32748F29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818C2A-84AE-0349-8EBF-E96AAA33A9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5906F8-31E9-0C45-B971-D604C18EA5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8E84AD-91E6-3640-8455-81BD6F308BB0}" type="datetimeFigureOut">
              <a:rPr lang="en-US" smtClean="0"/>
              <a:t>6/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C46DBB-A29C-3946-A68B-63DCA80A084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266EA6-526D-6E40-AC1A-335523FF336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03180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71DE7C4-EADF-49A5-94C9-295DA7102A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0999" y="1485900"/>
            <a:ext cx="11429325" cy="4267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5D38B6-3878-4DD8-B8F9-92C491ABF8F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7 June 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7054503-8F56-486A-BEEB-415EA4A643B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259C21-CE9A-4D3A-AB80-ABF8F4D8A7F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81000" y="6162324"/>
            <a:ext cx="457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46356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  <p:sldLayoutId id="2147483668" r:id="rId6"/>
    <p:sldLayoutId id="2147483669" r:id="rId7"/>
    <p:sldLayoutId id="2147483670" r:id="rId8"/>
    <p:sldLayoutId id="2147483671" r:id="rId9"/>
    <p:sldLayoutId id="2147483672" r:id="rId10"/>
  </p:sldLayoutIdLst>
  <p:transition>
    <p:fade/>
  </p:transition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26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798513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–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201738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▪"/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6pPr>
      <a:lvl7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7pPr>
      <a:lvl8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F26B43"/>
          </p15:clr>
        </p15:guide>
        <p15:guide id="2" pos="3840">
          <p15:clr>
            <a:srgbClr val="F26B43"/>
          </p15:clr>
        </p15:guide>
        <p15:guide id="3" orient="horz" pos="240">
          <p15:clr>
            <a:srgbClr val="5ACBF0"/>
          </p15:clr>
        </p15:guide>
        <p15:guide id="4" pos="240">
          <p15:clr>
            <a:srgbClr val="5ACBF0"/>
          </p15:clr>
        </p15:guide>
        <p15:guide id="5" pos="7440">
          <p15:clr>
            <a:srgbClr val="5ACBF0"/>
          </p15:clr>
        </p15:guide>
        <p15:guide id="6" pos="3720">
          <p15:clr>
            <a:srgbClr val="5ACBF0"/>
          </p15:clr>
        </p15:guide>
        <p15:guide id="7" pos="3960">
          <p15:clr>
            <a:srgbClr val="5ACBF0"/>
          </p15:clr>
        </p15:guide>
        <p15:guide id="8" orient="horz" pos="528">
          <p15:clr>
            <a:srgbClr val="5ACBF0"/>
          </p15:clr>
        </p15:guide>
        <p15:guide id="9" orient="horz" pos="936">
          <p15:clr>
            <a:srgbClr val="5ACBF0"/>
          </p15:clr>
        </p15:guide>
        <p15:guide id="10" orient="horz" pos="3624">
          <p15:clr>
            <a:srgbClr val="5ACBF0"/>
          </p15:clr>
        </p15:guide>
        <p15:guide id="11" orient="horz" pos="4080">
          <p15:clr>
            <a:srgbClr val="5ACBF0"/>
          </p15:clr>
        </p15:guide>
        <p15:guide id="12" orient="horz" pos="1200">
          <p15:clr>
            <a:srgbClr val="5ACBF0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4" Type="http://schemas.openxmlformats.org/officeDocument/2006/relationships/image" Target="../media/image1.jp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hyperlink" Target="https://www.iata.org/en/events/all/wcs/" TargetMode="External"/><Relationship Id="rId1" Type="http://schemas.openxmlformats.org/officeDocument/2006/relationships/slideLayout" Target="../slideLayouts/slideLayout18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3.xml"/><Relationship Id="rId4" Type="http://schemas.openxmlformats.org/officeDocument/2006/relationships/image" Target="../media/image1.jp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E8DCC5DB-A901-36BA-23B9-F78295C84A00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4"/>
          <a:srcRect l="11" r="11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29">
            <a:extLst>
              <a:ext uri="{FF2B5EF4-FFF2-40B4-BE49-F238E27FC236}">
                <a16:creationId xmlns:a16="http://schemas.microsoft.com/office/drawing/2014/main" id="{86BBEA38-D4EA-354A-C0A7-F4FF3D9D75D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88450" y="4018750"/>
            <a:ext cx="5904000" cy="1753204"/>
          </a:xfrm>
        </p:spPr>
        <p:txBody>
          <a:bodyPr/>
          <a:lstStyle/>
          <a:p>
            <a:r>
              <a:rPr lang="en-US" dirty="0"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Promotional Ki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22688729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381000" y="1384145"/>
            <a:ext cx="11214678" cy="1721690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CS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  <a:endParaRPr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  <a:endParaRPr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  <a:r>
              <a:rPr lang="en-US" sz="1400" dirty="0">
                <a:solidFill>
                  <a:prstClr val="black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 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>
              <a:lnSpc>
                <a:spcPct val="150000"/>
              </a:lnSpc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CS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</a:t>
            </a:r>
            <a:r>
              <a:rPr lang="en-US" sz="1400" b="1" dirty="0"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 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0F244A4-A038-A46E-B543-32D5D5F161B9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/>
          <a:stretch/>
        </p:blipFill>
        <p:spPr>
          <a:xfrm>
            <a:off x="3682116" y="3349203"/>
            <a:ext cx="4827091" cy="27103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FC76647C-B0EC-814A-FAF9-D4C3FC17E70C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4"/>
          <a:srcRect l="11" r="11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-17822" y="4130301"/>
            <a:ext cx="5126851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244405" y="4349287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8" name="Picture Placeholder">
            <a:extLst>
              <a:ext uri="{FF2B5EF4-FFF2-40B4-BE49-F238E27FC236}">
                <a16:creationId xmlns:a16="http://schemas.microsoft.com/office/drawing/2014/main" id="{B1601A08-41E0-6E3A-8352-1CDE1E167D9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696926" y="405315"/>
            <a:ext cx="4673599" cy="4679202"/>
          </a:xfrm>
          <a:ln>
            <a:noFill/>
          </a:ln>
        </p:spPr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7C24A584-C9F3-A4BE-FA8D-C7017B9CECB6}"/>
              </a:ext>
            </a:extLst>
          </p:cNvPr>
          <p:cNvSpPr/>
          <p:nvPr/>
        </p:nvSpPr>
        <p:spPr>
          <a:xfrm>
            <a:off x="6696926" y="405316"/>
            <a:ext cx="4673599" cy="4679201"/>
          </a:xfrm>
          <a:prstGeom prst="ellipse">
            <a:avLst/>
          </a:prstGeom>
          <a:solidFill>
            <a:schemeClr val="bg2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20" name="Group 19">
            <a:extLst>
              <a:ext uri="{FF2B5EF4-FFF2-40B4-BE49-F238E27FC236}">
                <a16:creationId xmlns:a16="http://schemas.microsoft.com/office/drawing/2014/main" id="{3C9A8F2B-D60E-8B70-EC9A-9C8C2493ED50}"/>
              </a:ext>
            </a:extLst>
          </p:cNvPr>
          <p:cNvGrpSpPr/>
          <p:nvPr/>
        </p:nvGrpSpPr>
        <p:grpSpPr>
          <a:xfrm>
            <a:off x="8269027" y="1218241"/>
            <a:ext cx="1529396" cy="3053351"/>
            <a:chOff x="1306168" y="815353"/>
            <a:chExt cx="991737" cy="1979946"/>
          </a:xfrm>
        </p:grpSpPr>
        <p:sp>
          <p:nvSpPr>
            <p:cNvPr id="21" name="Freeform 5">
              <a:extLst>
                <a:ext uri="{FF2B5EF4-FFF2-40B4-BE49-F238E27FC236}">
                  <a16:creationId xmlns:a16="http://schemas.microsoft.com/office/drawing/2014/main" id="{107881C4-9498-A916-BB15-5EE5C621FCE9}"/>
                </a:ext>
              </a:extLst>
            </p:cNvPr>
            <p:cNvSpPr>
              <a:spLocks noChangeAspect="1"/>
            </p:cNvSpPr>
            <p:nvPr/>
          </p:nvSpPr>
          <p:spPr bwMode="auto">
            <a:xfrm flipH="1">
              <a:off x="1307306" y="1808279"/>
              <a:ext cx="985838" cy="987020"/>
            </a:xfrm>
            <a:custGeom>
              <a:avLst/>
              <a:gdLst>
                <a:gd name="T0" fmla="*/ 0 w 3326"/>
                <a:gd name="T1" fmla="*/ 0 h 3330"/>
                <a:gd name="T2" fmla="*/ 0 w 3326"/>
                <a:gd name="T3" fmla="*/ 1665 h 3330"/>
                <a:gd name="T4" fmla="*/ 1109 w 3326"/>
                <a:gd name="T5" fmla="*/ 1665 h 3330"/>
                <a:gd name="T6" fmla="*/ 1109 w 3326"/>
                <a:gd name="T7" fmla="*/ 3330 h 3330"/>
                <a:gd name="T8" fmla="*/ 3326 w 3326"/>
                <a:gd name="T9" fmla="*/ 3330 h 3330"/>
                <a:gd name="T10" fmla="*/ 3326 w 3326"/>
                <a:gd name="T11" fmla="*/ 0 h 3330"/>
                <a:gd name="T12" fmla="*/ 0 w 3326"/>
                <a:gd name="T13" fmla="*/ 0 h 33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326" h="3330">
                  <a:moveTo>
                    <a:pt x="0" y="0"/>
                  </a:moveTo>
                  <a:lnTo>
                    <a:pt x="0" y="1665"/>
                  </a:lnTo>
                  <a:lnTo>
                    <a:pt x="1109" y="1665"/>
                  </a:lnTo>
                  <a:lnTo>
                    <a:pt x="1109" y="3330"/>
                  </a:lnTo>
                  <a:lnTo>
                    <a:pt x="3326" y="3330"/>
                  </a:lnTo>
                  <a:lnTo>
                    <a:pt x="332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2" name="Oval 21">
              <a:extLst>
                <a:ext uri="{FF2B5EF4-FFF2-40B4-BE49-F238E27FC236}">
                  <a16:creationId xmlns:a16="http://schemas.microsoft.com/office/drawing/2014/main" id="{0EC4BD3F-4FBE-7603-1AEF-2B9E5840D148}"/>
                </a:ext>
              </a:extLst>
            </p:cNvPr>
            <p:cNvSpPr>
              <a:spLocks noChangeAspect="1" noChangeArrowheads="1"/>
            </p:cNvSpPr>
            <p:nvPr/>
          </p:nvSpPr>
          <p:spPr bwMode="auto">
            <a:xfrm>
              <a:off x="1306168" y="815353"/>
              <a:ext cx="991737" cy="992926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3" name="Freeform: Shape 22">
              <a:extLst>
                <a:ext uri="{FF2B5EF4-FFF2-40B4-BE49-F238E27FC236}">
                  <a16:creationId xmlns:a16="http://schemas.microsoft.com/office/drawing/2014/main" id="{9197E040-3D05-65DF-B909-8AE7FCD0C382}"/>
                </a:ext>
              </a:extLst>
            </p:cNvPr>
            <p:cNvSpPr>
              <a:spLocks noChangeAspect="1"/>
            </p:cNvSpPr>
            <p:nvPr/>
          </p:nvSpPr>
          <p:spPr bwMode="auto">
            <a:xfrm rot="16200000">
              <a:off x="1685021" y="1351310"/>
              <a:ext cx="230410" cy="460407"/>
            </a:xfrm>
            <a:custGeom>
              <a:avLst/>
              <a:gdLst>
                <a:gd name="connsiteX0" fmla="*/ 270676 w 270676"/>
                <a:gd name="connsiteY0" fmla="*/ 0 h 540866"/>
                <a:gd name="connsiteX1" fmla="*/ 270676 w 270676"/>
                <a:gd name="connsiteY1" fmla="*/ 270352 h 540866"/>
                <a:gd name="connsiteX2" fmla="*/ 270514 w 270676"/>
                <a:gd name="connsiteY2" fmla="*/ 270352 h 540866"/>
                <a:gd name="connsiteX3" fmla="*/ 270514 w 270676"/>
                <a:gd name="connsiteY3" fmla="*/ 274419 h 540866"/>
                <a:gd name="connsiteX4" fmla="*/ 270514 w 270676"/>
                <a:gd name="connsiteY4" fmla="*/ 540866 h 540866"/>
                <a:gd name="connsiteX5" fmla="*/ 5653 w 270676"/>
                <a:gd name="connsiteY5" fmla="*/ 324752 h 540866"/>
                <a:gd name="connsiteX6" fmla="*/ 178 w 270676"/>
                <a:gd name="connsiteY6" fmla="*/ 270352 h 540866"/>
                <a:gd name="connsiteX7" fmla="*/ 0 w 270676"/>
                <a:gd name="connsiteY7" fmla="*/ 270352 h 540866"/>
                <a:gd name="connsiteX8" fmla="*/ 270676 w 270676"/>
                <a:gd name="connsiteY8" fmla="*/ 0 h 5408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0676" h="540866">
                  <a:moveTo>
                    <a:pt x="270676" y="0"/>
                  </a:moveTo>
                  <a:lnTo>
                    <a:pt x="270676" y="270352"/>
                  </a:lnTo>
                  <a:lnTo>
                    <a:pt x="270514" y="270352"/>
                  </a:lnTo>
                  <a:lnTo>
                    <a:pt x="270514" y="274419"/>
                  </a:lnTo>
                  <a:cubicBezTo>
                    <a:pt x="270514" y="287107"/>
                    <a:pt x="270514" y="337859"/>
                    <a:pt x="270514" y="540866"/>
                  </a:cubicBezTo>
                  <a:cubicBezTo>
                    <a:pt x="139832" y="540866"/>
                    <a:pt x="30855" y="448114"/>
                    <a:pt x="5653" y="324752"/>
                  </a:cubicBezTo>
                  <a:lnTo>
                    <a:pt x="178" y="270352"/>
                  </a:lnTo>
                  <a:lnTo>
                    <a:pt x="0" y="270352"/>
                  </a:lnTo>
                  <a:cubicBezTo>
                    <a:pt x="0" y="121001"/>
                    <a:pt x="121146" y="0"/>
                    <a:pt x="270676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43588515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BBB3A0DD-9AA6-F665-E723-546433741E9C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3"/>
          <a:srcRect l="11" r="11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0" name="Join me">
            <a:extLst>
              <a:ext uri="{FF2B5EF4-FFF2-40B4-BE49-F238E27FC236}">
                <a16:creationId xmlns:a16="http://schemas.microsoft.com/office/drawing/2014/main" id="{3AEA561C-FDFF-CCBC-88F5-F891CB5B4C91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222151" y="4191217"/>
            <a:ext cx="7194550" cy="1569660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r>
              <a:rPr lang="en-US" sz="4800" b="1" i="0" dirty="0">
                <a:solidFill>
                  <a:schemeClr val="bg1"/>
                </a:solidFill>
                <a:effectLst/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JOIN ME AT</a:t>
            </a:r>
          </a:p>
          <a:p>
            <a:r>
              <a:rPr lang="en-US" sz="4800" b="1" dirty="0">
                <a:solidFill>
                  <a:schemeClr val="bg1"/>
                </a:solidFill>
                <a:latin typeface="Aktiv Grotesk Medium"/>
                <a:ea typeface="Aktiv Grotesk Medium" panose="020B0504020202020204" pitchFamily="34" charset="0"/>
                <a:cs typeface="Aktiv Grotesk Medium" panose="020B0504020202020204" pitchFamily="34" charset="0"/>
              </a:rPr>
              <a:t>THE WCS 2025!</a:t>
            </a:r>
            <a:endParaRPr lang="en-US" sz="4800" dirty="0">
              <a:solidFill>
                <a:schemeClr val="bg1"/>
              </a:solidFill>
              <a:latin typeface="Aktiv Grotesk Medium"/>
              <a:ea typeface="Aktiv Grotesk Medium" panose="020B0504020202020204" pitchFamily="34" charset="0"/>
              <a:cs typeface="Aktiv Grotesk Medium" panose="020B05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3768976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97fa855e-821b-4a41-b4d6-9285b648b050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97fa855e-821b-4a41-b4d6-9285b648b050.jpe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97fa855e-821b-4a41-b4d6-9285b648b050.jpeg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IATA_Master">
  <a:themeElements>
    <a:clrScheme name="IATA">
      <a:dk1>
        <a:sysClr val="windowText" lastClr="000000"/>
      </a:dk1>
      <a:lt1>
        <a:sysClr val="window" lastClr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PT_default.pptx  -  Read-Only" id="{3393D6F6-3DDF-4AD8-AF70-01B8C861C0E9}" vid="{9069597E-579C-472E-93EE-52701DC46031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da655568-1247-43c7-b5ce-0d71de2fb494" xsi:nil="true"/>
    <lcf76f155ced4ddcb4097134ff3c332f xmlns="4ffaaae9-dc8c-459f-a92e-1529c78bcbdb">
      <Terms xmlns="http://schemas.microsoft.com/office/infopath/2007/PartnerControls"/>
    </lcf76f155ced4ddcb4097134ff3c332f>
    <Teammemberincharge xmlns="4ffaaae9-dc8c-459f-a92e-1529c78bcbdb" xsi:nil="true"/>
    <SharedWithUsers xmlns="86e16ca4-215f-4354-b2b5-4fac53992da1">
      <UserInfo>
        <DisplayName>Katie Erofeeva</DisplayName>
        <AccountId>90</AccountId>
        <AccountType/>
      </UserInfo>
      <UserInfo>
        <DisplayName>Kim Wee</DisplayName>
        <AccountId>51</AccountId>
        <AccountType/>
      </UserInfo>
      <UserInfo>
        <DisplayName>Macarena Losada</DisplayName>
        <AccountId>87</AccountId>
        <AccountType/>
      </UserInfo>
    </SharedWithUsers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9" ma:contentTypeDescription="Create a new document." ma:contentTypeScope="" ma:versionID="8ddd99b71bf0388c7b93c71865c96e3c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527dc623d05d98141f8c1c9345ae6690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B98825FB-E388-4F1F-8116-2A8A65DD839A}">
  <ds:schemaRefs>
    <ds:schemaRef ds:uri="http://schemas.microsoft.com/office/2006/metadata/properties"/>
    <ds:schemaRef ds:uri="http://purl.org/dc/terms/"/>
    <ds:schemaRef ds:uri="http://www.w3.org/XML/1998/namespace"/>
    <ds:schemaRef ds:uri="http://schemas.microsoft.com/office/2006/documentManagement/types"/>
    <ds:schemaRef ds:uri="4ffaaae9-dc8c-459f-a92e-1529c78bcbdb"/>
    <ds:schemaRef ds:uri="da655568-1247-43c7-b5ce-0d71de2fb494"/>
    <ds:schemaRef ds:uri="http://purl.org/dc/elements/1.1/"/>
    <ds:schemaRef ds:uri="http://schemas.microsoft.com/office/infopath/2007/PartnerControls"/>
    <ds:schemaRef ds:uri="86e16ca4-215f-4354-b2b5-4fac53992da1"/>
    <ds:schemaRef ds:uri="http://schemas.openxmlformats.org/package/2006/metadata/core-properties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78828E79-21B0-4D42-AAB4-6C750AC86AA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1748A618-3DC1-4085-AFA7-457ABC695961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74</TotalTime>
  <Words>121</Words>
  <Application>Microsoft Office PowerPoint</Application>
  <PresentationFormat>Widescreen</PresentationFormat>
  <Paragraphs>11</Paragraphs>
  <Slides>4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11" baseType="lpstr">
      <vt:lpstr>Aktiv Grotesk</vt:lpstr>
      <vt:lpstr>Aktiv Grotesk Medium</vt:lpstr>
      <vt:lpstr>Arial</vt:lpstr>
      <vt:lpstr>Calibri</vt:lpstr>
      <vt:lpstr>Calibri Light</vt:lpstr>
      <vt:lpstr>Office Theme</vt:lpstr>
      <vt:lpstr>IATA_Master</vt:lpstr>
      <vt:lpstr>Promotional Kit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NS Advocacy Kit</dc:title>
  <dc:creator>DeSantis, Christina</dc:creator>
  <cp:lastModifiedBy>Gloria Asiimwe</cp:lastModifiedBy>
  <cp:revision>2</cp:revision>
  <dcterms:created xsi:type="dcterms:W3CDTF">2021-04-21T15:11:41Z</dcterms:created>
  <dcterms:modified xsi:type="dcterms:W3CDTF">2024-06-07T09:27:1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2bbab825-a111-45e4-86a1-18cee0005896_Enabled">
    <vt:lpwstr>true</vt:lpwstr>
  </property>
  <property fmtid="{D5CDD505-2E9C-101B-9397-08002B2CF9AE}" pid="3" name="MSIP_Label_2bbab825-a111-45e4-86a1-18cee0005896_SetDate">
    <vt:lpwstr>2021-04-21T15:11:42Z</vt:lpwstr>
  </property>
  <property fmtid="{D5CDD505-2E9C-101B-9397-08002B2CF9AE}" pid="4" name="MSIP_Label_2bbab825-a111-45e4-86a1-18cee0005896_Method">
    <vt:lpwstr>Standard</vt:lpwstr>
  </property>
  <property fmtid="{D5CDD505-2E9C-101B-9397-08002B2CF9AE}" pid="5" name="MSIP_Label_2bbab825-a111-45e4-86a1-18cee0005896_Name">
    <vt:lpwstr>2bbab825-a111-45e4-86a1-18cee0005896</vt:lpwstr>
  </property>
  <property fmtid="{D5CDD505-2E9C-101B-9397-08002B2CF9AE}" pid="6" name="MSIP_Label_2bbab825-a111-45e4-86a1-18cee0005896_SiteId">
    <vt:lpwstr>2567d566-604c-408a-8a60-55d0dc9d9d6b</vt:lpwstr>
  </property>
  <property fmtid="{D5CDD505-2E9C-101B-9397-08002B2CF9AE}" pid="7" name="MSIP_Label_2bbab825-a111-45e4-86a1-18cee0005896_ActionId">
    <vt:lpwstr>bd1f98e2-eeee-4e66-acd1-aec6dc875dae</vt:lpwstr>
  </property>
  <property fmtid="{D5CDD505-2E9C-101B-9397-08002B2CF9AE}" pid="8" name="MSIP_Label_2bbab825-a111-45e4-86a1-18cee0005896_ContentBits">
    <vt:lpwstr>2</vt:lpwstr>
  </property>
  <property fmtid="{D5CDD505-2E9C-101B-9397-08002B2CF9AE}" pid="9" name="ClassificationContentMarkingFooterLocations">
    <vt:lpwstr>Office Theme:8</vt:lpwstr>
  </property>
  <property fmtid="{D5CDD505-2E9C-101B-9397-08002B2CF9AE}" pid="10" name="ClassificationContentMarkingFooterText">
    <vt:lpwstr>Information Classification: General</vt:lpwstr>
  </property>
  <property fmtid="{D5CDD505-2E9C-101B-9397-08002B2CF9AE}" pid="11" name="ContentTypeId">
    <vt:lpwstr>0x0101002D35BE1AB82ED949983D4C3BEFB295AA</vt:lpwstr>
  </property>
  <property fmtid="{D5CDD505-2E9C-101B-9397-08002B2CF9AE}" pid="12" name="MediaServiceImageTags">
    <vt:lpwstr/>
  </property>
  <property fmtid="{D5CDD505-2E9C-101B-9397-08002B2CF9AE}" pid="13" name="Order">
    <vt:lpwstr>299200.000000000</vt:lpwstr>
  </property>
  <property fmtid="{D5CDD505-2E9C-101B-9397-08002B2CF9AE}" pid="14" name="xd_ProgID">
    <vt:lpwstr/>
  </property>
  <property fmtid="{D5CDD505-2E9C-101B-9397-08002B2CF9AE}" pid="15" name="ComplianceAssetId">
    <vt:lpwstr/>
  </property>
  <property fmtid="{D5CDD505-2E9C-101B-9397-08002B2CF9AE}" pid="16" name="TemplateUrl">
    <vt:lpwstr/>
  </property>
  <property fmtid="{D5CDD505-2E9C-101B-9397-08002B2CF9AE}" pid="17" name="_ExtendedDescription">
    <vt:lpwstr/>
  </property>
  <property fmtid="{D5CDD505-2E9C-101B-9397-08002B2CF9AE}" pid="18" name="TriggerFlowInfo">
    <vt:lpwstr/>
  </property>
  <property fmtid="{D5CDD505-2E9C-101B-9397-08002B2CF9AE}" pid="19" name="xd_Signature">
    <vt:lpwstr/>
  </property>
  <property fmtid="{D5CDD505-2E9C-101B-9397-08002B2CF9AE}" pid="20" name="SharedWithUsers">
    <vt:lpwstr>90;#Katie Erofeeva;#51;#Kim Wee;#87;#Macarena Losada</vt:lpwstr>
  </property>
</Properties>
</file>